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F140ADE4-6FB3-43EC-BD18-09F45E1681B3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67" uniqueCount="52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ราชบุรี</t>
  </si>
  <si>
    <t>เชียงใหม่</t>
  </si>
  <si>
    <t>นนทบุรี</t>
  </si>
  <si>
    <t>094-564-1962</t>
  </si>
  <si>
    <t>Don Manee กระเป๋าผ้าทอ และผ้าทอมือ</t>
  </si>
  <si>
    <t>wandee888@gmail.com</t>
  </si>
  <si>
    <t>ร้านค้า</t>
  </si>
  <si>
    <t>081-930-8157</t>
  </si>
  <si>
    <t>สระบุรี</t>
  </si>
  <si>
    <t>บ้านเฮาเสาไห้</t>
  </si>
  <si>
    <t>ร้านวิมพ์ดีไซน์</t>
  </si>
  <si>
    <t>ร้านผ้าฝ้ายอำพัน</t>
  </si>
  <si>
    <t>ยาโน (หจก.ยาโนแฮนดิคราฟ)</t>
  </si>
  <si>
    <t>คุณเก่ง</t>
  </si>
  <si>
    <t>27/2 ม.1 ตำบลพระยาทด อำเภอเสาไห้ จังหวัดสระบุรี</t>
  </si>
  <si>
    <t xml:space="preserve">47/61 ม.7 ตำบลเสาธงหิน อำเภอบางใหญ่ จังหวัดนนทบุรี </t>
  </si>
  <si>
    <t xml:space="preserve">95 บ้านแควหมู่ 3 ตำบลท่ากว้าง อำเภอสารภี จังหวัดเชียงใหม่ </t>
  </si>
  <si>
    <t>087-121-1232</t>
  </si>
  <si>
    <t xml:space="preserve"> 093-492-6591</t>
  </si>
  <si>
    <t>087-186-0184</t>
  </si>
  <si>
    <t>085-711-7722</t>
  </si>
  <si>
    <t>สกลนคร</t>
  </si>
  <si>
    <t>0934926591</t>
  </si>
  <si>
    <t>Yano thailand</t>
  </si>
  <si>
    <t>Donn By Don Manee</t>
  </si>
  <si>
    <t>Yano Handicraft</t>
  </si>
  <si>
    <t>banhowhomemade@yahoo.com</t>
  </si>
  <si>
    <t>anupal.maneejun@gmail.com</t>
  </si>
  <si>
    <t>yanohandicraft@gmail.com</t>
  </si>
  <si>
    <t>ดลมณี Don Manee</t>
  </si>
  <si>
    <t>คุณอนุภา มณีจันทร์</t>
  </si>
  <si>
    <t xml:space="preserve">2/1 หมู่ที่ 5 ตำบลดอนแร่ อำเภอเมืองราชบุรี จังหวัดราชบุรี </t>
  </si>
  <si>
    <t xml:space="preserve">คุณวรวิทย์ ชูชม </t>
  </si>
  <si>
    <t>ร้าน 928 นุ่นนิ่มผ้าคราม บ้านโนนจำปา</t>
  </si>
  <si>
    <t xml:space="preserve">ร้าน 928 นุ่นนิ่มผ้าคราม บ้านโนนจำปา ตำบลสามัคคีพัฒนา อำเภออากาศอำนวย จังหวัดสกลนคร </t>
  </si>
  <si>
    <t>น.ส.วิมพ์วิภา โพธิวิจิตร</t>
  </si>
  <si>
    <t>นางอำพัน ทิพราชา</t>
  </si>
  <si>
    <t xml:space="preserve">48/1 ม.2 ตำบลนาคอเรือ อำเภอฮอด จังหวัดเชียงใหม่ </t>
  </si>
  <si>
    <t xml:space="preserve">2/1 หมู่ 5 ตำบลดอนแร่ อำเภอเมือง จังหวัดราชบุรี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theme="2" tint="-9.9978637043366805E-2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14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 wrapText="1"/>
    </xf>
    <xf numFmtId="0" fontId="2" fillId="5" borderId="5" xfId="0" applyNumberFormat="1" applyFont="1" applyFill="1" applyBorder="1" applyAlignment="1">
      <alignment vertical="center"/>
    </xf>
    <xf numFmtId="0" fontId="2" fillId="5" borderId="5" xfId="0" quotePrefix="1" applyNumberFormat="1" applyFont="1" applyFill="1" applyBorder="1" applyAlignment="1">
      <alignment vertical="center"/>
    </xf>
    <xf numFmtId="49" fontId="2" fillId="5" borderId="5" xfId="0" quotePrefix="1" applyNumberFormat="1" applyFont="1" applyFill="1" applyBorder="1" applyAlignment="1">
      <alignment vertical="center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0"/>
  <sheetViews>
    <sheetView showGridLines="0" tabSelected="1" topLeftCell="E1" workbookViewId="0">
      <selection activeCell="E4" sqref="A4:XFD10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3" width="36.453125" style="1" bestFit="1" customWidth="1"/>
    <col min="4" max="4" width="121.7265625" style="1" bestFit="1" customWidth="1"/>
    <col min="5" max="12" width="16.36328125" style="1" customWidth="1"/>
    <col min="13" max="16384" width="16.36328125" style="1"/>
  </cols>
  <sheetData>
    <row r="1" spans="1:11" ht="30.15" customHeight="1">
      <c r="A1" s="9" t="s">
        <v>0</v>
      </c>
      <c r="B1" s="10"/>
      <c r="C1" s="10"/>
      <c r="D1" s="10"/>
      <c r="E1" s="10"/>
      <c r="F1" s="10"/>
      <c r="G1" s="10"/>
      <c r="H1" s="10"/>
      <c r="I1" s="10"/>
      <c r="J1" s="10"/>
      <c r="K1" s="11"/>
    </row>
    <row r="2" spans="1:11" ht="22.25" customHeight="1">
      <c r="A2" s="12" t="s">
        <v>1</v>
      </c>
      <c r="B2" s="2" t="s">
        <v>2</v>
      </c>
      <c r="C2" s="12" t="s">
        <v>3</v>
      </c>
      <c r="D2" s="12" t="s">
        <v>4</v>
      </c>
      <c r="E2" s="12" t="s">
        <v>5</v>
      </c>
      <c r="F2" s="12" t="s">
        <v>6</v>
      </c>
      <c r="G2" s="12" t="s">
        <v>7</v>
      </c>
      <c r="H2" s="12" t="s">
        <v>8</v>
      </c>
      <c r="I2" s="12" t="s">
        <v>9</v>
      </c>
      <c r="J2" s="12" t="s">
        <v>10</v>
      </c>
      <c r="K2" s="12" t="s">
        <v>11</v>
      </c>
    </row>
    <row r="3" spans="1:11" ht="22.4" customHeight="1">
      <c r="A3" s="13"/>
      <c r="B3" s="3" t="s">
        <v>12</v>
      </c>
      <c r="C3" s="13"/>
      <c r="D3" s="13"/>
      <c r="E3" s="13"/>
      <c r="F3" s="13"/>
      <c r="G3" s="13"/>
      <c r="H3" s="13"/>
      <c r="I3" s="13"/>
      <c r="J3" s="13"/>
      <c r="K3" s="13"/>
    </row>
    <row r="4" spans="1:11" ht="19.899999999999999" customHeight="1">
      <c r="A4" s="4" t="s">
        <v>42</v>
      </c>
      <c r="B4" s="1" t="s">
        <v>19</v>
      </c>
      <c r="C4" s="4" t="s">
        <v>43</v>
      </c>
      <c r="D4" s="5" t="s">
        <v>44</v>
      </c>
      <c r="E4" s="6">
        <v>70000</v>
      </c>
      <c r="F4" s="5" t="s">
        <v>13</v>
      </c>
      <c r="G4" s="6" t="s">
        <v>16</v>
      </c>
      <c r="H4" s="6" t="s">
        <v>16</v>
      </c>
      <c r="I4" s="6" t="s">
        <v>17</v>
      </c>
      <c r="J4" s="6" t="s">
        <v>18</v>
      </c>
    </row>
    <row r="5" spans="1:11" ht="19.899999999999999" customHeight="1">
      <c r="A5" s="4" t="s">
        <v>22</v>
      </c>
      <c r="B5" s="1" t="s">
        <v>19</v>
      </c>
      <c r="C5" s="4" t="s">
        <v>45</v>
      </c>
      <c r="D5" s="5" t="s">
        <v>27</v>
      </c>
      <c r="E5" s="6">
        <v>18160</v>
      </c>
      <c r="F5" s="5" t="s">
        <v>21</v>
      </c>
      <c r="G5" s="6" t="s">
        <v>30</v>
      </c>
      <c r="H5" s="6" t="s">
        <v>30</v>
      </c>
      <c r="I5" s="6" t="s">
        <v>22</v>
      </c>
      <c r="J5" s="6" t="s">
        <v>39</v>
      </c>
    </row>
    <row r="6" spans="1:11" ht="19.899999999999999" customHeight="1">
      <c r="A6" s="4" t="s">
        <v>46</v>
      </c>
      <c r="B6" s="1" t="s">
        <v>19</v>
      </c>
      <c r="C6" s="4"/>
      <c r="D6" s="5" t="s">
        <v>47</v>
      </c>
      <c r="E6" s="6">
        <v>47170</v>
      </c>
      <c r="F6" s="5" t="s">
        <v>34</v>
      </c>
      <c r="G6" s="6" t="s">
        <v>31</v>
      </c>
      <c r="H6" s="8" t="s">
        <v>35</v>
      </c>
      <c r="I6" s="6"/>
      <c r="J6" s="6"/>
    </row>
    <row r="7" spans="1:11" ht="19.899999999999999" customHeight="1">
      <c r="A7" s="4" t="s">
        <v>23</v>
      </c>
      <c r="B7" s="1" t="s">
        <v>19</v>
      </c>
      <c r="C7" s="4" t="s">
        <v>48</v>
      </c>
      <c r="D7" s="5" t="s">
        <v>28</v>
      </c>
      <c r="E7" s="6">
        <v>11140</v>
      </c>
      <c r="F7" s="5" t="s">
        <v>15</v>
      </c>
      <c r="G7" s="6" t="s">
        <v>20</v>
      </c>
      <c r="H7" s="7"/>
      <c r="I7" s="6"/>
      <c r="J7" s="6"/>
    </row>
    <row r="8" spans="1:11" ht="19.899999999999999" customHeight="1">
      <c r="A8" s="4" t="s">
        <v>24</v>
      </c>
      <c r="B8" s="1" t="s">
        <v>19</v>
      </c>
      <c r="C8" s="4" t="s">
        <v>49</v>
      </c>
      <c r="D8" s="5" t="s">
        <v>50</v>
      </c>
      <c r="E8" s="6">
        <v>50240</v>
      </c>
      <c r="F8" s="5" t="s">
        <v>14</v>
      </c>
      <c r="G8" s="6" t="s">
        <v>32</v>
      </c>
      <c r="H8" s="6"/>
      <c r="I8" s="6"/>
      <c r="J8" s="6"/>
    </row>
    <row r="9" spans="1:11" ht="19.899999999999999" customHeight="1">
      <c r="A9" s="4" t="s">
        <v>42</v>
      </c>
      <c r="B9" s="1" t="s">
        <v>19</v>
      </c>
      <c r="C9" s="4" t="s">
        <v>43</v>
      </c>
      <c r="D9" s="5" t="s">
        <v>51</v>
      </c>
      <c r="E9" s="6">
        <v>70000</v>
      </c>
      <c r="F9" s="5" t="s">
        <v>13</v>
      </c>
      <c r="G9" s="6" t="s">
        <v>16</v>
      </c>
      <c r="H9" s="6" t="s">
        <v>16</v>
      </c>
      <c r="I9" s="6" t="s">
        <v>37</v>
      </c>
      <c r="J9" s="6" t="s">
        <v>40</v>
      </c>
    </row>
    <row r="10" spans="1:11" ht="19.899999999999999" customHeight="1">
      <c r="A10" s="4" t="s">
        <v>25</v>
      </c>
      <c r="B10" s="1" t="s">
        <v>19</v>
      </c>
      <c r="C10" s="4" t="s">
        <v>26</v>
      </c>
      <c r="D10" s="5" t="s">
        <v>29</v>
      </c>
      <c r="E10" s="6">
        <v>50140</v>
      </c>
      <c r="F10" s="5" t="s">
        <v>14</v>
      </c>
      <c r="G10" s="6" t="s">
        <v>33</v>
      </c>
      <c r="H10" s="6" t="s">
        <v>36</v>
      </c>
      <c r="I10" s="6" t="s">
        <v>38</v>
      </c>
      <c r="J10" s="6" t="s">
        <v>41</v>
      </c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35:12Z</dcterms:modified>
</cp:coreProperties>
</file>